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inters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DF1F9793-54AB-36DD-7FA1-469AA29B0F0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2388" y="4363244"/>
            <a:ext cx="2223224" cy="224101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Graphics&#10;&#10;Automatisch gegenereerde beschrijving">
            <a:extLst>
              <a:ext uri="{FF2B5EF4-FFF2-40B4-BE49-F238E27FC236}">
                <a16:creationId xmlns:a16="http://schemas.microsoft.com/office/drawing/2014/main" id="{59F9D0A0-DD08-BCEF-06EE-A30504554D3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5426" y="3847787"/>
            <a:ext cx="1450603" cy="146220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02T15:09:55Z</dcterms:modified>
</cp:coreProperties>
</file>